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8512\Desktop\公務員服務法修正\"/>
    </mc:Choice>
  </mc:AlternateContent>
  <bookViews>
    <workbookView xWindow="0" yWindow="0" windowWidth="28800" windowHeight="11730"/>
  </bookViews>
  <sheets>
    <sheet name="工作表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編號</t>
    <phoneticPr fontId="3" type="noConversion"/>
  </si>
  <si>
    <t>主管機關來文文號</t>
    <phoneticPr fontId="3" type="noConversion"/>
  </si>
  <si>
    <t>主管機關</t>
    <phoneticPr fontId="3" type="noConversion"/>
  </si>
  <si>
    <t>所屬公營事業機構（公司）名稱</t>
    <phoneticPr fontId="3" type="noConversion"/>
  </si>
  <si>
    <t>負有主要決策責任人員職務</t>
    <phoneticPr fontId="2" type="noConversion"/>
  </si>
  <si>
    <t>備註</t>
    <phoneticPr fontId="3" type="noConversion"/>
  </si>
  <si>
    <t>公營事業機構對經營政策負有主要決策責任人員職務範圍調查表</t>
    <phoneticPr fontId="3" type="noConversion"/>
  </si>
  <si>
    <t>填表注意事項：</t>
    <phoneticPr fontId="2" type="noConversion"/>
  </si>
  <si>
    <t>1.屬公務員服務法第2條適用對象者，始為本表填列範圍。</t>
    <phoneticPr fontId="2" type="noConversion"/>
  </si>
  <si>
    <t>聯絡人：</t>
    <phoneticPr fontId="2" type="noConversion"/>
  </si>
  <si>
    <t>連絡電話：</t>
    <phoneticPr fontId="2" type="noConversion"/>
  </si>
  <si>
    <t>2.本調查表請以正式公文送銓敘部備查，嗣後如有異動須隨時辦理變更備查。</t>
    <phoneticPr fontId="2" type="noConversion"/>
  </si>
  <si>
    <t>3.資料請統計統計至111年6月30日。</t>
    <phoneticPr fontId="2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>
    <font>
      <sz val="12"/>
      <color theme="1"/>
      <name val="新細明體"/>
      <family val="2"/>
      <charset val="136"/>
      <scheme val="minor"/>
    </font>
    <font>
      <b/>
      <sz val="16"/>
      <name val="標楷體"/>
      <family val="4"/>
      <charset val="136"/>
    </font>
    <font>
      <sz val="9"/>
      <name val="新細明體"/>
      <family val="2"/>
      <charset val="136"/>
      <scheme val="minor"/>
    </font>
    <font>
      <sz val="9"/>
      <name val="新細明體"/>
      <family val="1"/>
      <charset val="136"/>
    </font>
    <font>
      <b/>
      <sz val="14"/>
      <name val="標楷體"/>
      <family val="4"/>
      <charset val="136"/>
    </font>
    <font>
      <sz val="14"/>
      <name val="標楷體"/>
      <family val="4"/>
      <charset val="136"/>
    </font>
    <font>
      <sz val="12"/>
      <name val="標楷體"/>
      <family val="4"/>
      <charset val="136"/>
    </font>
    <font>
      <sz val="12"/>
      <name val="新細明體"/>
      <family val="1"/>
      <charset val="136"/>
    </font>
    <font>
      <sz val="14"/>
      <color theme="1"/>
      <name val="標楷體"/>
      <family val="4"/>
      <charset val="136"/>
    </font>
    <font>
      <sz val="14"/>
      <color theme="1"/>
      <name val="新細明體"/>
      <family val="2"/>
      <charset val="136"/>
      <scheme val="minor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6" fillId="0" borderId="2" xfId="0" applyFont="1" applyFill="1" applyBorder="1" applyAlignment="1">
      <alignment vertical="center" wrapText="1"/>
    </xf>
    <xf numFmtId="0" fontId="6" fillId="0" borderId="2" xfId="0" applyFont="1" applyBorder="1" applyAlignment="1">
      <alignment vertical="center" wrapText="1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1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7" fillId="0" borderId="4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6" fillId="0" borderId="4" xfId="0" applyFont="1" applyFill="1" applyBorder="1" applyAlignment="1">
      <alignment horizontal="center" vertical="center" wrapText="1"/>
    </xf>
    <xf numFmtId="0" fontId="6" fillId="0" borderId="5" xfId="0" applyFont="1" applyFill="1" applyBorder="1" applyAlignment="1">
      <alignment horizontal="center" vertical="center" wrapText="1"/>
    </xf>
  </cellXfs>
  <cellStyles count="1">
    <cellStyle name="一般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7"/>
  <sheetViews>
    <sheetView tabSelected="1" workbookViewId="0">
      <selection activeCell="B2" sqref="B2"/>
    </sheetView>
  </sheetViews>
  <sheetFormatPr defaultRowHeight="16.5"/>
  <cols>
    <col min="2" max="2" width="12.25" customWidth="1"/>
    <col min="3" max="3" width="11.375" customWidth="1"/>
    <col min="4" max="4" width="20" customWidth="1"/>
    <col min="5" max="5" width="33.5" customWidth="1"/>
    <col min="6" max="6" width="21.5" customWidth="1"/>
  </cols>
  <sheetData>
    <row r="1" spans="1:6" ht="19.5">
      <c r="A1" s="8" t="s">
        <v>6</v>
      </c>
      <c r="B1" s="9"/>
      <c r="C1" s="9"/>
      <c r="D1" s="9"/>
      <c r="E1" s="9"/>
      <c r="F1" s="9"/>
    </row>
    <row r="2" spans="1:6" ht="39">
      <c r="A2" s="1" t="s">
        <v>0</v>
      </c>
      <c r="B2" s="2" t="s">
        <v>1</v>
      </c>
      <c r="C2" s="2" t="s">
        <v>2</v>
      </c>
      <c r="D2" s="1" t="s">
        <v>3</v>
      </c>
      <c r="E2" s="1" t="s">
        <v>4</v>
      </c>
      <c r="F2" s="1" t="s">
        <v>5</v>
      </c>
    </row>
    <row r="3" spans="1:6">
      <c r="A3" s="3">
        <v>1</v>
      </c>
      <c r="B3" s="10"/>
      <c r="C3" s="10"/>
      <c r="D3" s="4"/>
      <c r="E3" s="4"/>
      <c r="F3" s="5"/>
    </row>
    <row r="4" spans="1:6">
      <c r="A4" s="3">
        <v>2</v>
      </c>
      <c r="B4" s="11"/>
      <c r="C4" s="13"/>
      <c r="D4" s="4"/>
      <c r="E4" s="4"/>
      <c r="F4" s="5"/>
    </row>
    <row r="5" spans="1:6">
      <c r="A5" s="3">
        <v>3</v>
      </c>
      <c r="B5" s="11"/>
      <c r="C5" s="13"/>
      <c r="D5" s="4"/>
      <c r="E5" s="4"/>
      <c r="F5" s="5"/>
    </row>
    <row r="6" spans="1:6">
      <c r="A6" s="3">
        <v>4</v>
      </c>
      <c r="B6" s="11"/>
      <c r="C6" s="13"/>
      <c r="D6" s="4"/>
      <c r="E6" s="4"/>
      <c r="F6" s="5"/>
    </row>
    <row r="7" spans="1:6">
      <c r="A7" s="3">
        <v>5</v>
      </c>
      <c r="B7" s="12"/>
      <c r="C7" s="14"/>
      <c r="D7" s="4"/>
      <c r="E7" s="4"/>
      <c r="F7" s="5"/>
    </row>
    <row r="12" spans="1:6" ht="19.5">
      <c r="A12" s="6" t="s">
        <v>7</v>
      </c>
      <c r="B12" s="7"/>
      <c r="C12" s="7"/>
      <c r="D12" s="7"/>
    </row>
    <row r="13" spans="1:6" ht="19.5">
      <c r="A13" s="6" t="s">
        <v>8</v>
      </c>
      <c r="B13" s="7"/>
      <c r="C13" s="7"/>
      <c r="D13" s="7"/>
    </row>
    <row r="14" spans="1:6" ht="19.5">
      <c r="A14" s="6" t="s">
        <v>11</v>
      </c>
      <c r="B14" s="7"/>
      <c r="C14" s="7"/>
      <c r="D14" s="7"/>
    </row>
    <row r="15" spans="1:6" ht="19.5">
      <c r="A15" s="6" t="s">
        <v>12</v>
      </c>
    </row>
    <row r="17" spans="1:4" ht="19.5">
      <c r="A17" s="6" t="s">
        <v>9</v>
      </c>
      <c r="D17" s="6" t="s">
        <v>10</v>
      </c>
    </row>
  </sheetData>
  <mergeCells count="3">
    <mergeCell ref="A1:F1"/>
    <mergeCell ref="B3:B7"/>
    <mergeCell ref="C3:C7"/>
  </mergeCells>
  <phoneticPr fontId="2" type="noConversion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工作表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吳思樺</dc:creator>
  <cp:lastModifiedBy>李雅琪</cp:lastModifiedBy>
  <cp:lastPrinted>2022-07-12T05:54:57Z</cp:lastPrinted>
  <dcterms:created xsi:type="dcterms:W3CDTF">2022-06-22T10:01:26Z</dcterms:created>
  <dcterms:modified xsi:type="dcterms:W3CDTF">2022-07-12T05:54:59Z</dcterms:modified>
</cp:coreProperties>
</file>